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8800" windowHeight="11910" tabRatio="909"/>
  </bookViews>
  <sheets>
    <sheet name="9-2" sheetId="33" r:id="rId1"/>
  </sheets>
  <calcPr calcId="124519"/>
</workbook>
</file>

<file path=xl/sharedStrings.xml><?xml version="1.0" encoding="utf-8"?>
<sst xmlns="http://schemas.openxmlformats.org/spreadsheetml/2006/main" count="58" uniqueCount="25">
  <si>
    <t>資料：漁業センサス</t>
    <rPh sb="0" eb="2">
      <t>シリョウ</t>
    </rPh>
    <rPh sb="3" eb="5">
      <t>ギョギョウ</t>
    </rPh>
    <phoneticPr fontId="2"/>
  </si>
  <si>
    <t>ます類</t>
    <rPh sb="2" eb="3">
      <t>ルイ</t>
    </rPh>
    <phoneticPr fontId="2"/>
  </si>
  <si>
    <t>錦ごい</t>
    <rPh sb="0" eb="1">
      <t>ニシキ</t>
    </rPh>
    <phoneticPr fontId="2"/>
  </si>
  <si>
    <t>種苗用</t>
    <rPh sb="0" eb="1">
      <t>タネ</t>
    </rPh>
    <rPh sb="1" eb="2">
      <t>ナエ</t>
    </rPh>
    <rPh sb="2" eb="3">
      <t>ヨウ</t>
    </rPh>
    <phoneticPr fontId="2"/>
  </si>
  <si>
    <t>食用</t>
    <rPh sb="0" eb="2">
      <t>ショクヨウ</t>
    </rPh>
    <phoneticPr fontId="2"/>
  </si>
  <si>
    <t>にじます</t>
    <phoneticPr fontId="2"/>
  </si>
  <si>
    <t>あゆ</t>
    <phoneticPr fontId="2"/>
  </si>
  <si>
    <t>こい</t>
    <phoneticPr fontId="2"/>
  </si>
  <si>
    <t>ふな</t>
    <phoneticPr fontId="2"/>
  </si>
  <si>
    <t>うなぎ</t>
    <phoneticPr fontId="2"/>
  </si>
  <si>
    <t>すっぽん</t>
    <phoneticPr fontId="2"/>
  </si>
  <si>
    <t>年次</t>
    <rPh sb="0" eb="2">
      <t>ネンジ</t>
    </rPh>
    <phoneticPr fontId="2"/>
  </si>
  <si>
    <t>その他</t>
    <rPh sb="2" eb="3">
      <t>タ</t>
    </rPh>
    <phoneticPr fontId="2"/>
  </si>
  <si>
    <t>11月1日現在（単位：経営体）</t>
    <rPh sb="2" eb="3">
      <t>ガツ</t>
    </rPh>
    <rPh sb="4" eb="5">
      <t>ヒ</t>
    </rPh>
    <rPh sb="5" eb="7">
      <t>ゲンザイ</t>
    </rPh>
    <rPh sb="8" eb="10">
      <t>タンイ</t>
    </rPh>
    <rPh sb="11" eb="13">
      <t>ケイエイ</t>
    </rPh>
    <rPh sb="13" eb="14">
      <t>カラダ</t>
    </rPh>
    <phoneticPr fontId="2"/>
  </si>
  <si>
    <t>平成20年</t>
    <rPh sb="0" eb="2">
      <t>ヘイセイ</t>
    </rPh>
    <rPh sb="4" eb="5">
      <t>ネン</t>
    </rPh>
    <phoneticPr fontId="2"/>
  </si>
  <si>
    <t>平成25年</t>
    <rPh sb="0" eb="2">
      <t>ヘイセイ</t>
    </rPh>
    <rPh sb="4" eb="5">
      <t>ネン</t>
    </rPh>
    <phoneticPr fontId="2"/>
  </si>
  <si>
    <t xml:space="preserve"> - </t>
  </si>
  <si>
    <t>経営体数
（実数）</t>
    <rPh sb="0" eb="2">
      <t>ケイエイ</t>
    </rPh>
    <rPh sb="2" eb="3">
      <t>タイ</t>
    </rPh>
    <rPh sb="3" eb="4">
      <t>スウ</t>
    </rPh>
    <rPh sb="6" eb="8">
      <t>ジッスウ</t>
    </rPh>
    <phoneticPr fontId="2"/>
  </si>
  <si>
    <t>経営体数
（小計）</t>
    <rPh sb="0" eb="2">
      <t>ケイエイ</t>
    </rPh>
    <rPh sb="2" eb="3">
      <t>タイ</t>
    </rPh>
    <rPh sb="3" eb="4">
      <t>スウ</t>
    </rPh>
    <rPh sb="6" eb="8">
      <t>ショウケイ</t>
    </rPh>
    <phoneticPr fontId="2"/>
  </si>
  <si>
    <t>平成30年</t>
    <rPh sb="0" eb="2">
      <t>ヘイセイ</t>
    </rPh>
    <rPh sb="4" eb="5">
      <t>ネン</t>
    </rPh>
    <phoneticPr fontId="2"/>
  </si>
  <si>
    <t>観賞用</t>
    <rPh sb="0" eb="2">
      <t>カンショウ</t>
    </rPh>
    <rPh sb="2" eb="3">
      <t>ヨウ</t>
    </rPh>
    <phoneticPr fontId="2"/>
  </si>
  <si>
    <t>その他の
ます類</t>
    <rPh sb="2" eb="3">
      <t>タ</t>
    </rPh>
    <rPh sb="7" eb="8">
      <t>ルイ</t>
    </rPh>
    <phoneticPr fontId="2"/>
  </si>
  <si>
    <t>海水魚種</t>
    <rPh sb="0" eb="3">
      <t>カイスイギョ</t>
    </rPh>
    <rPh sb="3" eb="4">
      <t>シュ</t>
    </rPh>
    <phoneticPr fontId="2"/>
  </si>
  <si>
    <t>真珠</t>
    <rPh sb="0" eb="2">
      <t>シンジュ</t>
    </rPh>
    <phoneticPr fontId="2"/>
  </si>
  <si>
    <t>9-2　営んだ養殖種類別経営体数</t>
    <rPh sb="4" eb="5">
      <t>イトナ</t>
    </rPh>
    <rPh sb="7" eb="9">
      <t>ヨウショク</t>
    </rPh>
    <rPh sb="9" eb="11">
      <t>シュルイ</t>
    </rPh>
    <rPh sb="11" eb="12">
      <t>ベツ</t>
    </rPh>
    <rPh sb="12" eb="14">
      <t>ケイエイ</t>
    </rPh>
    <rPh sb="14" eb="15">
      <t>タイ</t>
    </rPh>
    <rPh sb="15" eb="16">
      <t>カズ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1"/>
      <charset val="128"/>
    </font>
    <font>
      <sz val="10"/>
      <name val="明朝"/>
      <family val="1"/>
      <charset val="128"/>
    </font>
    <font>
      <sz val="7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38" fontId="5" fillId="0" borderId="1" xfId="1" applyFont="1" applyBorder="1" applyAlignment="1">
      <alignment horizontal="right" vertical="center"/>
    </xf>
    <xf numFmtId="0" fontId="6" fillId="0" borderId="2" xfId="0" applyFont="1" applyBorder="1" applyAlignment="1">
      <alignment horizontal="center" vertical="center"/>
    </xf>
    <xf numFmtId="38" fontId="5" fillId="0" borderId="7" xfId="1" applyFont="1" applyBorder="1" applyAlignment="1">
      <alignment horizontal="right" vertical="center"/>
    </xf>
    <xf numFmtId="38" fontId="5" fillId="0" borderId="2" xfId="1" applyFont="1" applyBorder="1" applyAlignment="1">
      <alignment horizontal="right" vertical="center"/>
    </xf>
    <xf numFmtId="38" fontId="5" fillId="0" borderId="9" xfId="1" applyFont="1" applyBorder="1" applyAlignment="1">
      <alignment horizontal="right" vertical="center"/>
    </xf>
    <xf numFmtId="38" fontId="5" fillId="0" borderId="8" xfId="1" applyFont="1" applyBorder="1" applyAlignment="1">
      <alignment horizontal="right" vertical="center"/>
    </xf>
    <xf numFmtId="38" fontId="5" fillId="0" borderId="6" xfId="1" applyFont="1" applyBorder="1" applyAlignment="1">
      <alignment horizontal="right" vertical="center"/>
    </xf>
    <xf numFmtId="0" fontId="6" fillId="0" borderId="8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>
    <pageSetUpPr fitToPage="1"/>
  </sheetPr>
  <dimension ref="A1:V9"/>
  <sheetViews>
    <sheetView tabSelected="1" zoomScale="110" zoomScaleNormal="110" workbookViewId="0"/>
  </sheetViews>
  <sheetFormatPr defaultRowHeight="13.5"/>
  <cols>
    <col min="1" max="2" width="4.625" style="1" customWidth="1"/>
    <col min="3" max="3" width="6" style="1" bestFit="1" customWidth="1"/>
    <col min="4" max="22" width="5.625" style="1" customWidth="1"/>
    <col min="23" max="16384" width="9" style="1"/>
  </cols>
  <sheetData>
    <row r="1" spans="1:22" ht="18.75" customHeight="1" thickBot="1">
      <c r="A1" s="2" t="s">
        <v>24</v>
      </c>
      <c r="V1" s="3" t="s">
        <v>13</v>
      </c>
    </row>
    <row r="2" spans="1:22" ht="15" customHeight="1">
      <c r="A2" s="25" t="s">
        <v>11</v>
      </c>
      <c r="B2" s="25"/>
      <c r="C2" s="27" t="s">
        <v>17</v>
      </c>
      <c r="D2" s="20" t="s">
        <v>4</v>
      </c>
      <c r="E2" s="21"/>
      <c r="F2" s="21"/>
      <c r="G2" s="21"/>
      <c r="H2" s="21"/>
      <c r="I2" s="21"/>
      <c r="J2" s="21"/>
      <c r="K2" s="21"/>
      <c r="L2" s="21"/>
      <c r="M2" s="22"/>
      <c r="N2" s="20" t="s">
        <v>3</v>
      </c>
      <c r="O2" s="21"/>
      <c r="P2" s="21"/>
      <c r="Q2" s="21"/>
      <c r="R2" s="22"/>
      <c r="S2" s="20" t="s">
        <v>20</v>
      </c>
      <c r="T2" s="21"/>
      <c r="U2" s="22"/>
      <c r="V2" s="16" t="s">
        <v>23</v>
      </c>
    </row>
    <row r="3" spans="1:22" ht="19.5">
      <c r="A3" s="26"/>
      <c r="B3" s="26"/>
      <c r="C3" s="28"/>
      <c r="D3" s="15" t="s">
        <v>18</v>
      </c>
      <c r="E3" s="12" t="s">
        <v>5</v>
      </c>
      <c r="F3" s="14" t="s">
        <v>21</v>
      </c>
      <c r="G3" s="6" t="s">
        <v>6</v>
      </c>
      <c r="H3" s="6" t="s">
        <v>7</v>
      </c>
      <c r="I3" s="6" t="s">
        <v>8</v>
      </c>
      <c r="J3" s="6" t="s">
        <v>9</v>
      </c>
      <c r="K3" s="6" t="s">
        <v>10</v>
      </c>
      <c r="L3" s="13" t="s">
        <v>22</v>
      </c>
      <c r="M3" s="6" t="s">
        <v>12</v>
      </c>
      <c r="N3" s="15" t="s">
        <v>18</v>
      </c>
      <c r="O3" s="6" t="s">
        <v>1</v>
      </c>
      <c r="P3" s="6" t="s">
        <v>6</v>
      </c>
      <c r="Q3" s="6" t="s">
        <v>7</v>
      </c>
      <c r="R3" s="6" t="s">
        <v>12</v>
      </c>
      <c r="S3" s="15" t="s">
        <v>18</v>
      </c>
      <c r="T3" s="12" t="s">
        <v>2</v>
      </c>
      <c r="U3" s="6" t="s">
        <v>12</v>
      </c>
      <c r="V3" s="17"/>
    </row>
    <row r="4" spans="1:22" ht="32.25" customHeight="1">
      <c r="A4" s="23" t="s">
        <v>14</v>
      </c>
      <c r="B4" s="24"/>
      <c r="C4" s="8">
        <v>119</v>
      </c>
      <c r="D4" s="8">
        <v>119</v>
      </c>
      <c r="E4" s="7">
        <v>1</v>
      </c>
      <c r="F4" s="7">
        <v>4</v>
      </c>
      <c r="G4" s="7" t="s">
        <v>16</v>
      </c>
      <c r="H4" s="7">
        <v>15</v>
      </c>
      <c r="I4" s="7">
        <v>112</v>
      </c>
      <c r="J4" s="7" t="s">
        <v>16</v>
      </c>
      <c r="K4" s="7" t="s">
        <v>16</v>
      </c>
      <c r="L4" s="7" t="s">
        <v>16</v>
      </c>
      <c r="M4" s="10">
        <v>2</v>
      </c>
      <c r="N4" s="8">
        <v>6</v>
      </c>
      <c r="O4" s="7">
        <v>1</v>
      </c>
      <c r="P4" s="7" t="s">
        <v>16</v>
      </c>
      <c r="Q4" s="7">
        <v>2</v>
      </c>
      <c r="R4" s="10">
        <v>4</v>
      </c>
      <c r="S4" s="8" t="s">
        <v>16</v>
      </c>
      <c r="T4" s="7" t="s">
        <v>16</v>
      </c>
      <c r="U4" s="7" t="s">
        <v>16</v>
      </c>
      <c r="V4" s="7" t="s">
        <v>16</v>
      </c>
    </row>
    <row r="5" spans="1:22" ht="32.25" customHeight="1">
      <c r="A5" s="23" t="s">
        <v>15</v>
      </c>
      <c r="B5" s="24"/>
      <c r="C5" s="8">
        <v>92</v>
      </c>
      <c r="D5" s="8">
        <v>91</v>
      </c>
      <c r="E5" s="7">
        <v>2</v>
      </c>
      <c r="F5" s="7">
        <v>3</v>
      </c>
      <c r="G5" s="7" t="s">
        <v>16</v>
      </c>
      <c r="H5" s="7">
        <v>10</v>
      </c>
      <c r="I5" s="7">
        <v>84</v>
      </c>
      <c r="J5" s="7" t="s">
        <v>16</v>
      </c>
      <c r="K5" s="7" t="s">
        <v>16</v>
      </c>
      <c r="L5" s="7" t="s">
        <v>16</v>
      </c>
      <c r="M5" s="10">
        <v>1</v>
      </c>
      <c r="N5" s="8">
        <v>4</v>
      </c>
      <c r="O5" s="7">
        <v>1</v>
      </c>
      <c r="P5" s="7" t="s">
        <v>16</v>
      </c>
      <c r="Q5" s="7" t="s">
        <v>16</v>
      </c>
      <c r="R5" s="10">
        <v>4</v>
      </c>
      <c r="S5" s="8" t="s">
        <v>16</v>
      </c>
      <c r="T5" s="7" t="s">
        <v>16</v>
      </c>
      <c r="U5" s="7" t="s">
        <v>16</v>
      </c>
      <c r="V5" s="7" t="s">
        <v>16</v>
      </c>
    </row>
    <row r="6" spans="1:22" ht="32.25" customHeight="1" thickBot="1">
      <c r="A6" s="18" t="s">
        <v>19</v>
      </c>
      <c r="B6" s="19"/>
      <c r="C6" s="9">
        <v>75</v>
      </c>
      <c r="D6" s="9">
        <v>74</v>
      </c>
      <c r="E6" s="5">
        <v>2</v>
      </c>
      <c r="F6" s="5">
        <v>3</v>
      </c>
      <c r="G6" s="5" t="s">
        <v>16</v>
      </c>
      <c r="H6" s="5">
        <v>11</v>
      </c>
      <c r="I6" s="5">
        <v>68</v>
      </c>
      <c r="J6" s="5" t="s">
        <v>16</v>
      </c>
      <c r="K6" s="5" t="s">
        <v>16</v>
      </c>
      <c r="L6" s="5" t="s">
        <v>16</v>
      </c>
      <c r="M6" s="11">
        <v>1</v>
      </c>
      <c r="N6" s="9">
        <v>3</v>
      </c>
      <c r="O6" s="5">
        <v>2</v>
      </c>
      <c r="P6" s="5" t="s">
        <v>16</v>
      </c>
      <c r="Q6" s="5">
        <v>1</v>
      </c>
      <c r="R6" s="11">
        <v>2</v>
      </c>
      <c r="S6" s="9" t="s">
        <v>16</v>
      </c>
      <c r="T6" s="5" t="s">
        <v>16</v>
      </c>
      <c r="U6" s="5" t="s">
        <v>16</v>
      </c>
      <c r="V6" s="5" t="s">
        <v>16</v>
      </c>
    </row>
    <row r="7" spans="1:22">
      <c r="A7" s="4" t="s">
        <v>0</v>
      </c>
    </row>
    <row r="8" spans="1:22">
      <c r="A8" s="2"/>
    </row>
    <row r="9" spans="1:22">
      <c r="A9" s="4"/>
    </row>
  </sheetData>
  <mergeCells count="9">
    <mergeCell ref="V2:V3"/>
    <mergeCell ref="A6:B6"/>
    <mergeCell ref="D2:M2"/>
    <mergeCell ref="A5:B5"/>
    <mergeCell ref="N2:R2"/>
    <mergeCell ref="A2:B3"/>
    <mergeCell ref="C2:C3"/>
    <mergeCell ref="A4:B4"/>
    <mergeCell ref="S2:U2"/>
  </mergeCells>
  <phoneticPr fontId="2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9-2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農林水産業</dc:title>
  <dc:creator>統計係</dc:creator>
  <cp:lastModifiedBy>Administrator</cp:lastModifiedBy>
  <cp:lastPrinted>2021-02-05T10:52:32Z</cp:lastPrinted>
  <dcterms:created xsi:type="dcterms:W3CDTF">1997-01-08T22:48:59Z</dcterms:created>
  <dcterms:modified xsi:type="dcterms:W3CDTF">2021-02-05T10:52:39Z</dcterms:modified>
</cp:coreProperties>
</file>